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diagrams/drawing2.xml" ContentType="application/vnd.ms-office.drawingml.diagramDrawing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diagrams/quickStyle2.xml" ContentType="application/vnd.openxmlformats-officedocument.drawingml.diagramStyl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Override PartName="/ppt/tags/tag49.xml" ContentType="application/vnd.openxmlformats-officedocument.presentationml.tags+xml"/>
  <Override PartName="/ppt/tags/tag58.xml" ContentType="application/vnd.openxmlformats-officedocument.presentationml.tags+xml"/>
  <Default Extension="rels" ContentType="application/vnd.openxmlformats-package.relationships+xml"/>
  <Default Extension="xml" ContentType="application/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tags/tag47.xml" ContentType="application/vnd.openxmlformats-officedocument.presentationml.tags+xml"/>
  <Override PartName="/ppt/tags/tag56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45.xml" ContentType="application/vnd.openxmlformats-officedocument.presentationml.tags+xml"/>
  <Override PartName="/ppt/tags/tag54.xml" ContentType="application/vnd.openxmlformats-officedocument.presentationml.tags+xml"/>
  <Override PartName="/ppt/tags/tag6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52.xml" ContentType="application/vnd.openxmlformats-officedocument.presentationml.tags+xml"/>
  <Override PartName="/ppt/tags/tag61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tags/tag50.xml" ContentType="application/vnd.openxmlformats-officedocument.presentationml.tags+xml"/>
  <Override PartName="/ppt/diagrams/layout1.xml" ContentType="application/vnd.openxmlformats-officedocument.drawingml.diagramLayout+xml"/>
  <Override PartName="/ppt/diagrams/data2.xml" ContentType="application/vnd.openxmlformats-officedocument.drawingml.diagramData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diagrams/colors2.xml" ContentType="application/vnd.openxmlformats-officedocument.drawingml.diagramColors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ags/tag5.xml" ContentType="application/vnd.openxmlformats-officedocument.presentationml.tags+xml"/>
  <Override PartName="/ppt/diagrams/drawing1.xml" ContentType="application/vnd.ms-office.drawingml.diagramDrawing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tags/tag59.xml" ContentType="application/vnd.openxmlformats-officedocument.presentationml.tags+xml"/>
  <Override PartName="/ppt/diagrams/quickStyle1.xml" ContentType="application/vnd.openxmlformats-officedocument.drawingml.diagramStyle+xml"/>
  <Default Extension="jpeg" ContentType="image/jpeg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57.xml" ContentType="application/vnd.openxmlformats-officedocument.presentationml.tags+xml"/>
  <Override PartName="/docProps/app.xml" ContentType="application/vnd.openxmlformats-officedocument.extended-properties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55.xml" ContentType="application/vnd.openxmlformats-officedocument.presentationml.tags+xml"/>
  <Override PartName="/ppt/tags/tag64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diagrams/layout2.xml" ContentType="application/vnd.openxmlformats-officedocument.drawingml.diagramLayout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diagrams/data1.xml" ContentType="application/vnd.openxmlformats-officedocument.drawingml.diagramData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diagrams/colors1.xml" ContentType="application/vnd.openxmlformats-officedocument.drawingml.diagramColor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6" autoAdjust="0"/>
    <p:restoredTop sz="94660"/>
  </p:normalViewPr>
  <p:slideViewPr>
    <p:cSldViewPr snapToGrid="0">
      <p:cViewPr varScale="1">
        <p:scale>
          <a:sx n="82" d="100"/>
          <a:sy n="82" d="100"/>
        </p:scale>
        <p:origin x="-90" y="-61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en-US" sz="1600" b="1" u="sng" dirty="0" smtClean="0"/>
            <a:t>Research Stage</a:t>
          </a:r>
          <a:endParaRPr lang="he-IL" sz="1600" b="1" u="sng" dirty="0" smtClean="0"/>
        </a:p>
        <a:p>
          <a:pPr algn="l"/>
          <a:r>
            <a:rPr lang="he-IL" sz="1600" b="0" u="none" dirty="0" smtClean="0"/>
            <a:t>- </a:t>
          </a:r>
          <a:r>
            <a:rPr lang="en-US" sz="1600" b="0" u="none" dirty="0" smtClean="0"/>
            <a:t>Goal     -Financial system</a:t>
          </a:r>
        </a:p>
        <a:p>
          <a:pPr algn="l"/>
          <a:r>
            <a:rPr lang="en-US" sz="1600" b="0" u="none" dirty="0" smtClean="0"/>
            <a:t>-Strategic purpose</a:t>
          </a:r>
        </a:p>
        <a:p>
          <a:pPr algn="l"/>
          <a:r>
            <a:rPr lang="he-IL" sz="1600" b="0" u="none" dirty="0" smtClean="0"/>
            <a:t> </a:t>
          </a:r>
          <a:r>
            <a:rPr lang="en-US" sz="1600" b="0" u="none" dirty="0" smtClean="0"/>
            <a:t>-Genealogy </a:t>
          </a:r>
          <a:r>
            <a:rPr lang="he-IL" sz="1600" b="0" u="none" dirty="0" smtClean="0"/>
            <a:t>– </a:t>
          </a:r>
          <a:r>
            <a:rPr lang="en-US" sz="1600" b="0" u="none" dirty="0" smtClean="0"/>
            <a:t>Interests</a:t>
          </a:r>
        </a:p>
        <a:p>
          <a:pPr algn="l"/>
          <a:r>
            <a:rPr lang="he-IL" sz="1600" b="0" u="none" dirty="0" smtClean="0"/>
            <a:t> </a:t>
          </a:r>
          <a:r>
            <a:rPr lang="en-US" sz="1600" b="0" u="none" dirty="0" smtClean="0"/>
            <a:t>-Shift</a:t>
          </a:r>
        </a:p>
        <a:p>
          <a:pPr algn="l"/>
          <a:r>
            <a:rPr lang="en-US" sz="1600" b="0" u="none" dirty="0" smtClean="0"/>
            <a:t>-Threats -Potential</a:t>
          </a:r>
          <a:endParaRPr lang="he-IL" sz="1600" b="0" u="none" dirty="0" smtClean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en-US" sz="1600" b="1" u="sng" dirty="0" smtClean="0"/>
            <a:t>Updated Exercise program</a:t>
          </a:r>
          <a:endParaRPr lang="he-IL" sz="1600" b="1" u="sng" dirty="0" smtClean="0"/>
        </a:p>
        <a:p>
          <a:pPr algn="ctr"/>
          <a:r>
            <a:rPr lang="en-US" sz="1200" b="0" u="none" dirty="0" smtClean="0"/>
            <a:t>-expected changes</a:t>
          </a:r>
          <a:endParaRPr lang="he-IL" sz="1200" b="0" u="none" dirty="0" smtClean="0"/>
        </a:p>
        <a:p>
          <a:pPr algn="ctr"/>
          <a:r>
            <a:rPr lang="en-US" sz="1200" b="0" u="none" dirty="0" smtClean="0"/>
            <a:t>-organization form</a:t>
          </a:r>
          <a:endParaRPr lang="he-IL" sz="1200" b="0" u="none" dirty="0" smtClean="0"/>
        </a:p>
        <a:p>
          <a:pPr algn="ctr"/>
          <a:r>
            <a:rPr lang="en-US" sz="1200" b="0" u="none" dirty="0" smtClean="0"/>
            <a:t>-organization system</a:t>
          </a:r>
          <a:r>
            <a:rPr lang="he-IL" sz="1200" b="0" u="none" dirty="0" smtClean="0"/>
            <a:t> </a:t>
          </a:r>
        </a:p>
        <a:p>
          <a:pPr algn="ctr"/>
          <a:r>
            <a:rPr lang="en-US" sz="1200" b="0" u="none" dirty="0" smtClean="0"/>
            <a:t>-personal changes</a:t>
          </a:r>
        </a:p>
        <a:p>
          <a:pPr algn="ctr"/>
          <a:r>
            <a:rPr lang="en-US" sz="1200" b="0" u="none" dirty="0" smtClean="0"/>
            <a:t>-Systemic organizational aspects</a:t>
          </a:r>
          <a:endParaRPr lang="en-US" sz="12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en-US" sz="1600" b="1" u="sng" kern="1200" dirty="0" smtClean="0"/>
            <a:t>Simulation stage</a:t>
          </a:r>
          <a:endParaRPr lang="he-IL" sz="1600" b="1" u="sng" kern="1200" dirty="0" smtClean="0"/>
        </a:p>
        <a:p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Implementation of the plan </a:t>
          </a:r>
        </a:p>
        <a:p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Systemic </a:t>
          </a:r>
          <a:r>
            <a:rPr lang="en-US" sz="1200" b="0" u="none" kern="1200" dirty="0" smtClean="0"/>
            <a:t>Reframing </a:t>
          </a:r>
        </a:p>
        <a:p>
          <a:pPr rtl="1"/>
          <a:r>
            <a:rPr lang="en-US" sz="1200" b="0" u="none" kern="1200" dirty="0" smtClean="0"/>
            <a:t>Exercise program updated</a:t>
          </a:r>
          <a:endParaRPr lang="he-IL" sz="1200" b="0" u="none" kern="1200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  <dgm:t>
        <a:bodyPr/>
        <a:lstStyle/>
        <a:p>
          <a:pPr rtl="1"/>
          <a:endParaRPr lang="he-IL"/>
        </a:p>
      </dgm:t>
    </dgm:pt>
    <dgm:pt modelId="{643C57E6-D900-425E-AA00-F04D83AD529F}" type="pres">
      <dgm:prSet presAssocID="{34FA45F9-0405-4AF6-9221-ED2D1E26F090}" presName="bigChev" presStyleLbl="node1" presStyleIdx="0" presStyleCnt="1" custScaleX="32748" custScaleY="36215" custLinFactNeighborX="-50117" custLinFactNeighborY="-16241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  <dgm:t>
        <a:bodyPr/>
        <a:lstStyle/>
        <a:p>
          <a:pPr rtl="1"/>
          <a:endParaRPr lang="he-IL"/>
        </a:p>
      </dgm:t>
    </dgm:pt>
    <dgm:pt modelId="{FBCDF05E-3288-4AE5-9E25-03B36AF69926}" type="pres">
      <dgm:prSet presAssocID="{F3AD619B-7FE8-4ACF-9F4A-F9619A59EFEF}" presName="node" presStyleLbl="alignAccFollowNode1" presStyleIdx="0" presStyleCnt="2" custScaleX="33093" custScaleY="45908" custLinFactNeighborX="-7143" custLinFactNeighborY="-1940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  <dgm:t>
        <a:bodyPr/>
        <a:lstStyle/>
        <a:p>
          <a:pPr rtl="1"/>
          <a:endParaRPr lang="he-IL"/>
        </a:p>
      </dgm:t>
    </dgm:pt>
    <dgm:pt modelId="{DDB74CAC-6E26-45A0-9656-F23CDD57BC79}" type="pres">
      <dgm:prSet presAssocID="{890DF919-E961-4411-BE53-16F51F6DAE3C}" presName="node" presStyleLbl="alignAccFollowNode1" presStyleIdx="1" presStyleCnt="2" custScaleX="29806" custScaleY="48391" custLinFactNeighborX="29379" custLinFactNeighborY="-1936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xmlns="" relId="rId70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2D9774F-D8DC-4DFB-ACAA-61B3F7050D4B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pPr rtl="1"/>
          <a:endParaRPr lang="he-IL"/>
        </a:p>
      </dgm:t>
    </dgm:pt>
    <dgm:pt modelId="{F82A7C1D-0750-4AA3-9003-940E3973D274}">
      <dgm:prSet phldrT="[טקסט]" custT="1"/>
      <dgm:spPr/>
      <dgm:t>
        <a:bodyPr/>
        <a:lstStyle/>
        <a:p>
          <a:pPr rtl="1"/>
          <a:r>
            <a:rPr lang="en-US" sz="1600" dirty="0" smtClean="0"/>
            <a:t>Intelligence course</a:t>
          </a:r>
          <a:endParaRPr lang="he-IL" sz="1600" dirty="0"/>
        </a:p>
      </dgm:t>
    </dgm:pt>
    <dgm:pt modelId="{65B4BBAB-511F-467B-BC7F-3E5CB1DC237C}" type="par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FE420BB9-BB5E-461C-B5E6-94377028F987}" type="sib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6C740251-3E5B-4200-9247-40FB92E50910}">
      <dgm:prSet phldrT="[טקסט]" custT="1"/>
      <dgm:spPr/>
      <dgm:t>
        <a:bodyPr/>
        <a:lstStyle/>
        <a:p>
          <a:pPr rtl="1"/>
          <a:r>
            <a:rPr lang="en-US" sz="1600" dirty="0" smtClean="0"/>
            <a:t>Middle East Course</a:t>
          </a:r>
          <a:endParaRPr lang="he-IL" sz="1600" dirty="0"/>
        </a:p>
      </dgm:t>
    </dgm:pt>
    <dgm:pt modelId="{795ADCAA-A005-4E0E-AA9A-F24C3DA54A7A}" type="par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A0703211-B1ED-497D-B67D-572D03C7F174}" type="sib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E51B2254-B7E2-44A5-AFAE-AEB97995C593}">
      <dgm:prSet phldrT="[טקסט]" custT="1"/>
      <dgm:spPr/>
      <dgm:t>
        <a:bodyPr/>
        <a:lstStyle/>
        <a:p>
          <a:pPr rtl="1"/>
          <a:r>
            <a:rPr lang="en-US" sz="1600" dirty="0" smtClean="0"/>
            <a:t>Visit Ministry of Education </a:t>
          </a:r>
          <a:endParaRPr lang="he-IL" sz="1600" dirty="0"/>
        </a:p>
      </dgm:t>
    </dgm:pt>
    <dgm:pt modelId="{3A52F5A8-4F1A-4E47-84FB-AD5B3B27766C}" type="par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25359311-4F86-4B7B-AFEF-47116354EC31}" type="sib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1CB9845C-59D6-4692-B3E2-20A173367E61}">
      <dgm:prSet phldrT="[טקסט]" custT="1"/>
      <dgm:spPr/>
      <dgm:t>
        <a:bodyPr/>
        <a:lstStyle/>
        <a:p>
          <a:pPr rtl="1"/>
          <a:r>
            <a:rPr lang="en-US" sz="1800" dirty="0" smtClean="0"/>
            <a:t>Negotiation   </a:t>
          </a:r>
          <a:r>
            <a:rPr lang="en-US" sz="1600" dirty="0" smtClean="0"/>
            <a:t>Workshop</a:t>
          </a:r>
          <a:r>
            <a:rPr lang="en-US" sz="1800" dirty="0" smtClean="0"/>
            <a:t> 1-3/3</a:t>
          </a:r>
          <a:endParaRPr lang="he-IL" sz="1800" dirty="0" smtClean="0"/>
        </a:p>
      </dgm:t>
    </dgm:pt>
    <dgm:pt modelId="{6CEB2262-C928-4729-BA03-C475BCF18B8B}" type="par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3A45049-A5D5-42A8-87CA-907A42C78F47}" type="sib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C0BC34E-A2AC-4385-A90F-61AA9CC89A18}">
      <dgm:prSet phldrT="[טקסט]"/>
      <dgm:spPr/>
      <dgm:t>
        <a:bodyPr/>
        <a:lstStyle/>
        <a:p>
          <a:pPr rtl="1"/>
          <a:endParaRPr lang="he-IL" dirty="0"/>
        </a:p>
      </dgm:t>
    </dgm:pt>
    <dgm:pt modelId="{BCE3FB1F-C419-442D-A300-D24518653669}" type="par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C39DCD92-2746-483F-A78A-7B7AA0B669D2}" type="sib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BC0C1C89-BA04-4F27-A001-DE3B352F44E7}">
      <dgm:prSet phldrT="[טקסט]" custT="1"/>
      <dgm:spPr/>
      <dgm:t>
        <a:bodyPr/>
        <a:lstStyle/>
        <a:p>
          <a:pPr rtl="1"/>
          <a:r>
            <a:rPr lang="en-US" sz="1600" dirty="0" smtClean="0"/>
            <a:t>National Security Staff Rides</a:t>
          </a:r>
          <a:endParaRPr lang="he-IL" sz="1600" dirty="0"/>
        </a:p>
      </dgm:t>
    </dgm:pt>
    <dgm:pt modelId="{F92C3665-E4BB-4C3A-804E-098A32616D08}" type="par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5BDC8B9D-20DE-41DD-A7F8-AEAAB99B9463}" type="sib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D2DD0C95-2378-467A-A0D3-BD1E8BF13EA1}" type="pres">
      <dgm:prSet presAssocID="{22D9774F-D8DC-4DFB-ACAA-61B3F7050D4B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0FFFBE4A-6652-4F87-8006-869213A758AC}" type="pres">
      <dgm:prSet presAssocID="{22D9774F-D8DC-4DFB-ACAA-61B3F7050D4B}" presName="arrow" presStyleLbl="bgShp" presStyleIdx="0" presStyleCnt="1" custLinFactY="99146" custLinFactNeighborX="-2596" custLinFactNeighborY="100000"/>
      <dgm:spPr/>
      <dgm:t>
        <a:bodyPr/>
        <a:lstStyle/>
        <a:p>
          <a:pPr rtl="1"/>
          <a:endParaRPr lang="he-IL"/>
        </a:p>
      </dgm:t>
    </dgm:pt>
    <dgm:pt modelId="{8E53DDD8-8632-440F-89AB-F5D97F506872}" type="pres">
      <dgm:prSet presAssocID="{22D9774F-D8DC-4DFB-ACAA-61B3F7050D4B}" presName="points" presStyleCnt="0"/>
      <dgm:spPr/>
    </dgm:pt>
    <dgm:pt modelId="{8C5A19A0-1343-47BC-86C4-865AEC415C92}" type="pres">
      <dgm:prSet presAssocID="{F82A7C1D-0750-4AA3-9003-940E3973D274}" presName="compositeA" presStyleCnt="0"/>
      <dgm:spPr/>
    </dgm:pt>
    <dgm:pt modelId="{C2313BE9-9F97-4575-B44A-1DA40AA15139}" type="pres">
      <dgm:prSet presAssocID="{F82A7C1D-0750-4AA3-9003-940E3973D274}" presName="textA" presStyleLbl="revTx" presStyleIdx="0" presStyleCnt="6" custScaleX="172364" custLinFactNeighborX="29112" custLinFactNeighborY="892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5A9C167-812C-4413-9DFC-7996CD81CB95}" type="pres">
      <dgm:prSet presAssocID="{F82A7C1D-0750-4AA3-9003-940E3973D274}" presName="circleA" presStyleLbl="node1" presStyleIdx="0" presStyleCnt="6" custLinFactX="42775" custLinFactY="118881" custLinFactNeighborX="100000" custLinFactNeighborY="200000"/>
      <dgm:spPr/>
    </dgm:pt>
    <dgm:pt modelId="{CAD2F78D-6854-4110-8206-FFAD72910BC6}" type="pres">
      <dgm:prSet presAssocID="{F82A7C1D-0750-4AA3-9003-940E3973D274}" presName="spaceA" presStyleCnt="0"/>
      <dgm:spPr/>
    </dgm:pt>
    <dgm:pt modelId="{D59DB497-73C6-46AF-AD39-D1721CD2C0B6}" type="pres">
      <dgm:prSet presAssocID="{FE420BB9-BB5E-461C-B5E6-94377028F987}" presName="space" presStyleCnt="0"/>
      <dgm:spPr/>
    </dgm:pt>
    <dgm:pt modelId="{8D9D8B56-67E1-4720-AE40-F21D87F2A50B}" type="pres">
      <dgm:prSet presAssocID="{6C740251-3E5B-4200-9247-40FB92E50910}" presName="compositeB" presStyleCnt="0"/>
      <dgm:spPr/>
    </dgm:pt>
    <dgm:pt modelId="{EC5DC4F4-70A6-4EF4-BE55-AB97F578926A}" type="pres">
      <dgm:prSet presAssocID="{6C740251-3E5B-4200-9247-40FB92E50910}" presName="textB" presStyleLbl="revTx" presStyleIdx="1" presStyleCnt="6" custScaleX="142037" custLinFactNeighborX="24167" custLinFactNeighborY="-23246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9E74DD4-9D80-4F5B-B2E4-5C5A33F033CE}" type="pres">
      <dgm:prSet presAssocID="{6C740251-3E5B-4200-9247-40FB92E50910}" presName="circleB" presStyleLbl="node1" presStyleIdx="1" presStyleCnt="6" custLinFactX="22606" custLinFactY="128200" custLinFactNeighborX="100000" custLinFactNeighborY="200000"/>
      <dgm:spPr/>
    </dgm:pt>
    <dgm:pt modelId="{C03ECB09-0AF5-4938-ACE3-91F240A46E45}" type="pres">
      <dgm:prSet presAssocID="{6C740251-3E5B-4200-9247-40FB92E50910}" presName="spaceB" presStyleCnt="0"/>
      <dgm:spPr/>
    </dgm:pt>
    <dgm:pt modelId="{9609BE52-C599-437B-BEF9-3DB017EAEB46}" type="pres">
      <dgm:prSet presAssocID="{A0703211-B1ED-497D-B67D-572D03C7F174}" presName="space" presStyleCnt="0"/>
      <dgm:spPr/>
    </dgm:pt>
    <dgm:pt modelId="{C54C5418-3040-41F3-9782-3E8E7C29C5A1}" type="pres">
      <dgm:prSet presAssocID="{E51B2254-B7E2-44A5-AFAE-AEB97995C593}" presName="compositeA" presStyleCnt="0"/>
      <dgm:spPr/>
    </dgm:pt>
    <dgm:pt modelId="{286C3BAC-782A-4C7E-A921-D5569BA65DD9}" type="pres">
      <dgm:prSet presAssocID="{E51B2254-B7E2-44A5-AFAE-AEB97995C593}" presName="textA" presStyleLbl="revTx" presStyleIdx="2" presStyleCnt="6" custScaleX="149945" custLinFactY="9027" custLinFactNeighborX="18529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82FE366-C000-41C9-9EEB-B1F529CAD5C3}" type="pres">
      <dgm:prSet presAssocID="{E51B2254-B7E2-44A5-AFAE-AEB97995C593}" presName="circleA" presStyleLbl="node1" presStyleIdx="2" presStyleCnt="6" custLinFactY="106853" custLinFactNeighborX="79204" custLinFactNeighborY="200000"/>
      <dgm:spPr/>
      <dgm:t>
        <a:bodyPr/>
        <a:lstStyle/>
        <a:p>
          <a:pPr rtl="1"/>
          <a:endParaRPr lang="he-IL"/>
        </a:p>
      </dgm:t>
    </dgm:pt>
    <dgm:pt modelId="{D9D144D7-43A1-4FCA-BEB0-76262F2118B0}" type="pres">
      <dgm:prSet presAssocID="{E51B2254-B7E2-44A5-AFAE-AEB97995C593}" presName="spaceA" presStyleCnt="0"/>
      <dgm:spPr/>
    </dgm:pt>
    <dgm:pt modelId="{9647E923-59D0-4642-879E-07AD4207008A}" type="pres">
      <dgm:prSet presAssocID="{25359311-4F86-4B7B-AFEF-47116354EC31}" presName="space" presStyleCnt="0"/>
      <dgm:spPr/>
    </dgm:pt>
    <dgm:pt modelId="{DCDDC560-23D6-4D3E-BAD6-19B49680387E}" type="pres">
      <dgm:prSet presAssocID="{1CB9845C-59D6-4692-B3E2-20A173367E61}" presName="compositeB" presStyleCnt="0"/>
      <dgm:spPr/>
    </dgm:pt>
    <dgm:pt modelId="{280BF636-56C2-4D74-9CC3-B9E90F49E574}" type="pres">
      <dgm:prSet presAssocID="{1CB9845C-59D6-4692-B3E2-20A173367E61}" presName="textB" presStyleLbl="revTx" presStyleIdx="3" presStyleCnt="6" custScaleX="174762" custLinFactNeighborX="71271" custLinFactNeighborY="-22385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76B3D1B-AAFE-465C-BFA5-BBBE20E5BFFB}" type="pres">
      <dgm:prSet presAssocID="{1CB9845C-59D6-4692-B3E2-20A173367E61}" presName="circleB" presStyleLbl="node1" presStyleIdx="3" presStyleCnt="6" custLinFactX="219877" custLinFactY="118132" custLinFactNeighborX="300000" custLinFactNeighborY="200000"/>
      <dgm:spPr/>
    </dgm:pt>
    <dgm:pt modelId="{074C7155-7647-4740-A8CD-0FC74C41F86E}" type="pres">
      <dgm:prSet presAssocID="{1CB9845C-59D6-4692-B3E2-20A173367E61}" presName="spaceB" presStyleCnt="0"/>
      <dgm:spPr/>
    </dgm:pt>
    <dgm:pt modelId="{F38FCA80-6474-4ADB-82B7-DA4C7EEFEA2A}" type="pres">
      <dgm:prSet presAssocID="{63A45049-A5D5-42A8-87CA-907A42C78F47}" presName="space" presStyleCnt="0"/>
      <dgm:spPr/>
    </dgm:pt>
    <dgm:pt modelId="{C86206EC-A795-488B-8C3A-74A18B619D28}" type="pres">
      <dgm:prSet presAssocID="{6C0BC34E-A2AC-4385-A90F-61AA9CC89A18}" presName="compositeA" presStyleCnt="0"/>
      <dgm:spPr/>
    </dgm:pt>
    <dgm:pt modelId="{A237C98D-5B85-420A-97A8-DC2EF16E949F}" type="pres">
      <dgm:prSet presAssocID="{6C0BC34E-A2AC-4385-A90F-61AA9CC89A18}" presName="textA" presStyleLbl="revTx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D195FBB-886B-4612-B0C9-361404C1B53C}" type="pres">
      <dgm:prSet presAssocID="{6C0BC34E-A2AC-4385-A90F-61AA9CC89A18}" presName="circleA" presStyleLbl="node1" presStyleIdx="4" presStyleCnt="6" custLinFactX="246557" custLinFactY="106852" custLinFactNeighborX="300000" custLinFactNeighborY="200000"/>
      <dgm:spPr/>
    </dgm:pt>
    <dgm:pt modelId="{D665FCE4-0FE1-41A5-9A10-F7A8F3A69205}" type="pres">
      <dgm:prSet presAssocID="{6C0BC34E-A2AC-4385-A90F-61AA9CC89A18}" presName="spaceA" presStyleCnt="0"/>
      <dgm:spPr/>
    </dgm:pt>
    <dgm:pt modelId="{C01DDCD2-7FB6-475A-BFBF-953F1E27DDE8}" type="pres">
      <dgm:prSet presAssocID="{C39DCD92-2746-483F-A78A-7B7AA0B669D2}" presName="space" presStyleCnt="0"/>
      <dgm:spPr/>
    </dgm:pt>
    <dgm:pt modelId="{7D0F4DE7-8141-470C-A389-6685940AA272}" type="pres">
      <dgm:prSet presAssocID="{BC0C1C89-BA04-4F27-A001-DE3B352F44E7}" presName="compositeB" presStyleCnt="0"/>
      <dgm:spPr/>
    </dgm:pt>
    <dgm:pt modelId="{5A145D61-B26B-4023-AF13-09127DC233B7}" type="pres">
      <dgm:prSet presAssocID="{BC0C1C89-BA04-4F27-A001-DE3B352F44E7}" presName="textB" presStyleLbl="revTx" presStyleIdx="5" presStyleCnt="6" custScaleX="209692" custLinFactNeighborX="-27133" custLinFactNeighborY="-171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6B6076A-8910-47D7-AF53-BCF019F092C5}" type="pres">
      <dgm:prSet presAssocID="{BC0C1C89-BA04-4F27-A001-DE3B352F44E7}" presName="circleB" presStyleLbl="node1" presStyleIdx="5" presStyleCnt="6" custLinFactY="106852" custLinFactNeighborX="65054" custLinFactNeighborY="200000"/>
      <dgm:spPr/>
    </dgm:pt>
    <dgm:pt modelId="{F5E919BA-1C1B-4041-A675-5D7CAFBF3CF1}" type="pres">
      <dgm:prSet presAssocID="{BC0C1C89-BA04-4F27-A001-DE3B352F44E7}" presName="spaceB" presStyleCnt="0"/>
      <dgm:spPr/>
    </dgm:pt>
  </dgm:ptLst>
  <dgm:cxnLst>
    <dgm:cxn modelId="{C608E22E-8A2A-485E-A6C2-4C4EFD1E0797}" type="presOf" srcId="{E51B2254-B7E2-44A5-AFAE-AEB97995C593}" destId="{286C3BAC-782A-4C7E-A921-D5569BA65DD9}" srcOrd="0" destOrd="0" presId="urn:microsoft.com/office/officeart/2005/8/layout/hProcess11"/>
    <dgm:cxn modelId="{94516CB3-0B3F-4CD8-AB2C-7C30FD88CAF0}" srcId="{22D9774F-D8DC-4DFB-ACAA-61B3F7050D4B}" destId="{F82A7C1D-0750-4AA3-9003-940E3973D274}" srcOrd="0" destOrd="0" parTransId="{65B4BBAB-511F-467B-BC7F-3E5CB1DC237C}" sibTransId="{FE420BB9-BB5E-461C-B5E6-94377028F987}"/>
    <dgm:cxn modelId="{BB06F2B4-4496-479C-AB8B-D3DF636AA611}" type="presOf" srcId="{BC0C1C89-BA04-4F27-A001-DE3B352F44E7}" destId="{5A145D61-B26B-4023-AF13-09127DC233B7}" srcOrd="0" destOrd="0" presId="urn:microsoft.com/office/officeart/2005/8/layout/hProcess11"/>
    <dgm:cxn modelId="{0D2D7C52-275B-440E-BF98-EDADF4E8AA00}" type="presOf" srcId="{6C740251-3E5B-4200-9247-40FB92E50910}" destId="{EC5DC4F4-70A6-4EF4-BE55-AB97F578926A}" srcOrd="0" destOrd="0" presId="urn:microsoft.com/office/officeart/2005/8/layout/hProcess11"/>
    <dgm:cxn modelId="{3D781516-9DFF-4384-A873-D39ACD1FA841}" type="presOf" srcId="{22D9774F-D8DC-4DFB-ACAA-61B3F7050D4B}" destId="{D2DD0C95-2378-467A-A0D3-BD1E8BF13EA1}" srcOrd="0" destOrd="0" presId="urn:microsoft.com/office/officeart/2005/8/layout/hProcess11"/>
    <dgm:cxn modelId="{8E407B1B-7550-4A9D-83E4-D185F2F8B602}" srcId="{22D9774F-D8DC-4DFB-ACAA-61B3F7050D4B}" destId="{E51B2254-B7E2-44A5-AFAE-AEB97995C593}" srcOrd="2" destOrd="0" parTransId="{3A52F5A8-4F1A-4E47-84FB-AD5B3B27766C}" sibTransId="{25359311-4F86-4B7B-AFEF-47116354EC31}"/>
    <dgm:cxn modelId="{3E65CC26-9C44-4322-89F1-AEC268677C7D}" srcId="{22D9774F-D8DC-4DFB-ACAA-61B3F7050D4B}" destId="{BC0C1C89-BA04-4F27-A001-DE3B352F44E7}" srcOrd="5" destOrd="0" parTransId="{F92C3665-E4BB-4C3A-804E-098A32616D08}" sibTransId="{5BDC8B9D-20DE-41DD-A7F8-AEAAB99B9463}"/>
    <dgm:cxn modelId="{B3F7B4FB-8C1C-459A-829F-955F4A273812}" srcId="{22D9774F-D8DC-4DFB-ACAA-61B3F7050D4B}" destId="{1CB9845C-59D6-4692-B3E2-20A173367E61}" srcOrd="3" destOrd="0" parTransId="{6CEB2262-C928-4729-BA03-C475BCF18B8B}" sibTransId="{63A45049-A5D5-42A8-87CA-907A42C78F47}"/>
    <dgm:cxn modelId="{4E0435DD-568F-41F8-9007-9D6A541D5196}" type="presOf" srcId="{1CB9845C-59D6-4692-B3E2-20A173367E61}" destId="{280BF636-56C2-4D74-9CC3-B9E90F49E574}" srcOrd="0" destOrd="0" presId="urn:microsoft.com/office/officeart/2005/8/layout/hProcess11"/>
    <dgm:cxn modelId="{FA6D9523-3A3F-4ECE-97CD-D643725FC7CF}" type="presOf" srcId="{F82A7C1D-0750-4AA3-9003-940E3973D274}" destId="{C2313BE9-9F97-4575-B44A-1DA40AA15139}" srcOrd="0" destOrd="0" presId="urn:microsoft.com/office/officeart/2005/8/layout/hProcess11"/>
    <dgm:cxn modelId="{0100FD41-01E9-4F24-A459-1DEB3FDF540B}" srcId="{22D9774F-D8DC-4DFB-ACAA-61B3F7050D4B}" destId="{6C740251-3E5B-4200-9247-40FB92E50910}" srcOrd="1" destOrd="0" parTransId="{795ADCAA-A005-4E0E-AA9A-F24C3DA54A7A}" sibTransId="{A0703211-B1ED-497D-B67D-572D03C7F174}"/>
    <dgm:cxn modelId="{C14C0E70-F81F-4977-B0A2-920F5CD9A2EE}" srcId="{22D9774F-D8DC-4DFB-ACAA-61B3F7050D4B}" destId="{6C0BC34E-A2AC-4385-A90F-61AA9CC89A18}" srcOrd="4" destOrd="0" parTransId="{BCE3FB1F-C419-442D-A300-D24518653669}" sibTransId="{C39DCD92-2746-483F-A78A-7B7AA0B669D2}"/>
    <dgm:cxn modelId="{4667C370-AE20-4786-BAAA-58C7389305C8}" type="presOf" srcId="{6C0BC34E-A2AC-4385-A90F-61AA9CC89A18}" destId="{A237C98D-5B85-420A-97A8-DC2EF16E949F}" srcOrd="0" destOrd="0" presId="urn:microsoft.com/office/officeart/2005/8/layout/hProcess11"/>
    <dgm:cxn modelId="{4B213536-602A-45D0-AB6C-5CA3C1E60B02}" type="presParOf" srcId="{D2DD0C95-2378-467A-A0D3-BD1E8BF13EA1}" destId="{0FFFBE4A-6652-4F87-8006-869213A758AC}" srcOrd="0" destOrd="0" presId="urn:microsoft.com/office/officeart/2005/8/layout/hProcess11"/>
    <dgm:cxn modelId="{F6FC0E27-B3E5-44E8-8F82-4DABF6484E2D}" type="presParOf" srcId="{D2DD0C95-2378-467A-A0D3-BD1E8BF13EA1}" destId="{8E53DDD8-8632-440F-89AB-F5D97F506872}" srcOrd="1" destOrd="0" presId="urn:microsoft.com/office/officeart/2005/8/layout/hProcess11"/>
    <dgm:cxn modelId="{224AB122-35FB-40F7-BA13-D7C38444DEC3}" type="presParOf" srcId="{8E53DDD8-8632-440F-89AB-F5D97F506872}" destId="{8C5A19A0-1343-47BC-86C4-865AEC415C92}" srcOrd="0" destOrd="0" presId="urn:microsoft.com/office/officeart/2005/8/layout/hProcess11"/>
    <dgm:cxn modelId="{F1AA968A-5120-40D0-BAFE-3F6147F99752}" type="presParOf" srcId="{8C5A19A0-1343-47BC-86C4-865AEC415C92}" destId="{C2313BE9-9F97-4575-B44A-1DA40AA15139}" srcOrd="0" destOrd="0" presId="urn:microsoft.com/office/officeart/2005/8/layout/hProcess11"/>
    <dgm:cxn modelId="{BC78D505-8469-40E2-B4E4-4ECC6828628C}" type="presParOf" srcId="{8C5A19A0-1343-47BC-86C4-865AEC415C92}" destId="{A5A9C167-812C-4413-9DFC-7996CD81CB95}" srcOrd="1" destOrd="0" presId="urn:microsoft.com/office/officeart/2005/8/layout/hProcess11"/>
    <dgm:cxn modelId="{EBD9B3E2-E2AF-4938-B721-BF07AE9484DA}" type="presParOf" srcId="{8C5A19A0-1343-47BC-86C4-865AEC415C92}" destId="{CAD2F78D-6854-4110-8206-FFAD72910BC6}" srcOrd="2" destOrd="0" presId="urn:microsoft.com/office/officeart/2005/8/layout/hProcess11"/>
    <dgm:cxn modelId="{76EA955F-4383-4A67-B82B-08D7146BDC40}" type="presParOf" srcId="{8E53DDD8-8632-440F-89AB-F5D97F506872}" destId="{D59DB497-73C6-46AF-AD39-D1721CD2C0B6}" srcOrd="1" destOrd="0" presId="urn:microsoft.com/office/officeart/2005/8/layout/hProcess11"/>
    <dgm:cxn modelId="{2A41F2FF-C05F-4C4E-AF39-2BAB8BA95B0C}" type="presParOf" srcId="{8E53DDD8-8632-440F-89AB-F5D97F506872}" destId="{8D9D8B56-67E1-4720-AE40-F21D87F2A50B}" srcOrd="2" destOrd="0" presId="urn:microsoft.com/office/officeart/2005/8/layout/hProcess11"/>
    <dgm:cxn modelId="{9BED7F5D-DB0C-41CA-8DE3-2FF61BDCADBF}" type="presParOf" srcId="{8D9D8B56-67E1-4720-AE40-F21D87F2A50B}" destId="{EC5DC4F4-70A6-4EF4-BE55-AB97F578926A}" srcOrd="0" destOrd="0" presId="urn:microsoft.com/office/officeart/2005/8/layout/hProcess11"/>
    <dgm:cxn modelId="{917F33C6-1294-4C48-B754-E8DDFAEB2904}" type="presParOf" srcId="{8D9D8B56-67E1-4720-AE40-F21D87F2A50B}" destId="{E9E74DD4-9D80-4F5B-B2E4-5C5A33F033CE}" srcOrd="1" destOrd="0" presId="urn:microsoft.com/office/officeart/2005/8/layout/hProcess11"/>
    <dgm:cxn modelId="{BB1D514D-52D6-452B-BE75-0BBC9EED56D4}" type="presParOf" srcId="{8D9D8B56-67E1-4720-AE40-F21D87F2A50B}" destId="{C03ECB09-0AF5-4938-ACE3-91F240A46E45}" srcOrd="2" destOrd="0" presId="urn:microsoft.com/office/officeart/2005/8/layout/hProcess11"/>
    <dgm:cxn modelId="{CCA506B5-48F4-40F7-BC25-AA016D72055F}" type="presParOf" srcId="{8E53DDD8-8632-440F-89AB-F5D97F506872}" destId="{9609BE52-C599-437B-BEF9-3DB017EAEB46}" srcOrd="3" destOrd="0" presId="urn:microsoft.com/office/officeart/2005/8/layout/hProcess11"/>
    <dgm:cxn modelId="{98312DC3-27D6-44B7-B18F-3052696B94A1}" type="presParOf" srcId="{8E53DDD8-8632-440F-89AB-F5D97F506872}" destId="{C54C5418-3040-41F3-9782-3E8E7C29C5A1}" srcOrd="4" destOrd="0" presId="urn:microsoft.com/office/officeart/2005/8/layout/hProcess11"/>
    <dgm:cxn modelId="{4B4DA82F-98B5-490B-9ECD-FF0A75179DEF}" type="presParOf" srcId="{C54C5418-3040-41F3-9782-3E8E7C29C5A1}" destId="{286C3BAC-782A-4C7E-A921-D5569BA65DD9}" srcOrd="0" destOrd="0" presId="urn:microsoft.com/office/officeart/2005/8/layout/hProcess11"/>
    <dgm:cxn modelId="{C03E8F84-A54E-4E0B-8C21-9DCDF1C9D2D8}" type="presParOf" srcId="{C54C5418-3040-41F3-9782-3E8E7C29C5A1}" destId="{682FE366-C000-41C9-9EEB-B1F529CAD5C3}" srcOrd="1" destOrd="0" presId="urn:microsoft.com/office/officeart/2005/8/layout/hProcess11"/>
    <dgm:cxn modelId="{EE77CC5D-854D-414C-A87D-95D187FE1C53}" type="presParOf" srcId="{C54C5418-3040-41F3-9782-3E8E7C29C5A1}" destId="{D9D144D7-43A1-4FCA-BEB0-76262F2118B0}" srcOrd="2" destOrd="0" presId="urn:microsoft.com/office/officeart/2005/8/layout/hProcess11"/>
    <dgm:cxn modelId="{6D863F76-DB88-45AB-9808-FE6C9838285A}" type="presParOf" srcId="{8E53DDD8-8632-440F-89AB-F5D97F506872}" destId="{9647E923-59D0-4642-879E-07AD4207008A}" srcOrd="5" destOrd="0" presId="urn:microsoft.com/office/officeart/2005/8/layout/hProcess11"/>
    <dgm:cxn modelId="{A53FA5BD-02C7-41E9-89AB-C3FEA89348C0}" type="presParOf" srcId="{8E53DDD8-8632-440F-89AB-F5D97F506872}" destId="{DCDDC560-23D6-4D3E-BAD6-19B49680387E}" srcOrd="6" destOrd="0" presId="urn:microsoft.com/office/officeart/2005/8/layout/hProcess11"/>
    <dgm:cxn modelId="{BE0517FF-B5F0-4333-96F5-535A0A82F912}" type="presParOf" srcId="{DCDDC560-23D6-4D3E-BAD6-19B49680387E}" destId="{280BF636-56C2-4D74-9CC3-B9E90F49E574}" srcOrd="0" destOrd="0" presId="urn:microsoft.com/office/officeart/2005/8/layout/hProcess11"/>
    <dgm:cxn modelId="{40E73698-6C1D-490B-A5B2-47F72DAC67B9}" type="presParOf" srcId="{DCDDC560-23D6-4D3E-BAD6-19B49680387E}" destId="{E76B3D1B-AAFE-465C-BFA5-BBBE20E5BFFB}" srcOrd="1" destOrd="0" presId="urn:microsoft.com/office/officeart/2005/8/layout/hProcess11"/>
    <dgm:cxn modelId="{79045218-11E2-4FED-A0DB-3BD834F700DA}" type="presParOf" srcId="{DCDDC560-23D6-4D3E-BAD6-19B49680387E}" destId="{074C7155-7647-4740-A8CD-0FC74C41F86E}" srcOrd="2" destOrd="0" presId="urn:microsoft.com/office/officeart/2005/8/layout/hProcess11"/>
    <dgm:cxn modelId="{65E428E8-40C4-4425-A87B-AC582CA8BDCF}" type="presParOf" srcId="{8E53DDD8-8632-440F-89AB-F5D97F506872}" destId="{F38FCA80-6474-4ADB-82B7-DA4C7EEFEA2A}" srcOrd="7" destOrd="0" presId="urn:microsoft.com/office/officeart/2005/8/layout/hProcess11"/>
    <dgm:cxn modelId="{078D8EDA-38C9-48F7-9861-05B37F0AA6F7}" type="presParOf" srcId="{8E53DDD8-8632-440F-89AB-F5D97F506872}" destId="{C86206EC-A795-488B-8C3A-74A18B619D28}" srcOrd="8" destOrd="0" presId="urn:microsoft.com/office/officeart/2005/8/layout/hProcess11"/>
    <dgm:cxn modelId="{2D6782AB-7452-4C1D-B6DD-44C087537192}" type="presParOf" srcId="{C86206EC-A795-488B-8C3A-74A18B619D28}" destId="{A237C98D-5B85-420A-97A8-DC2EF16E949F}" srcOrd="0" destOrd="0" presId="urn:microsoft.com/office/officeart/2005/8/layout/hProcess11"/>
    <dgm:cxn modelId="{C447989E-979D-4037-87CB-4AB31F689EDC}" type="presParOf" srcId="{C86206EC-A795-488B-8C3A-74A18B619D28}" destId="{8D195FBB-886B-4612-B0C9-361404C1B53C}" srcOrd="1" destOrd="0" presId="urn:microsoft.com/office/officeart/2005/8/layout/hProcess11"/>
    <dgm:cxn modelId="{402328FE-1504-4B6A-AC39-3D79D827B99E}" type="presParOf" srcId="{C86206EC-A795-488B-8C3A-74A18B619D28}" destId="{D665FCE4-0FE1-41A5-9A10-F7A8F3A69205}" srcOrd="2" destOrd="0" presId="urn:microsoft.com/office/officeart/2005/8/layout/hProcess11"/>
    <dgm:cxn modelId="{C0AD09B2-9655-4E6D-AD2A-E4A7F20F4EBD}" type="presParOf" srcId="{8E53DDD8-8632-440F-89AB-F5D97F506872}" destId="{C01DDCD2-7FB6-475A-BFBF-953F1E27DDE8}" srcOrd="9" destOrd="0" presId="urn:microsoft.com/office/officeart/2005/8/layout/hProcess11"/>
    <dgm:cxn modelId="{08082EE3-0F35-4E3D-B604-2D2BC0A1F068}" type="presParOf" srcId="{8E53DDD8-8632-440F-89AB-F5D97F506872}" destId="{7D0F4DE7-8141-470C-A389-6685940AA272}" srcOrd="10" destOrd="0" presId="urn:microsoft.com/office/officeart/2005/8/layout/hProcess11"/>
    <dgm:cxn modelId="{6E161939-005A-49E5-A99B-C9A5F56FC979}" type="presParOf" srcId="{7D0F4DE7-8141-470C-A389-6685940AA272}" destId="{5A145D61-B26B-4023-AF13-09127DC233B7}" srcOrd="0" destOrd="0" presId="urn:microsoft.com/office/officeart/2005/8/layout/hProcess11"/>
    <dgm:cxn modelId="{541A2CC9-8C9E-496F-A114-6C3B78816235}" type="presParOf" srcId="{7D0F4DE7-8141-470C-A389-6685940AA272}" destId="{46B6076A-8910-47D7-AF53-BCF019F092C5}" srcOrd="1" destOrd="0" presId="urn:microsoft.com/office/officeart/2005/8/layout/hProcess11"/>
    <dgm:cxn modelId="{7D58AE1C-4890-4045-8734-012EDF35C6AC}" type="presParOf" srcId="{7D0F4DE7-8141-470C-A389-6685940AA272}" destId="{F5E919BA-1C1B-4041-A675-5D7CAFBF3CF1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xmlns="" relId="rId75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657967" y="121792"/>
          <a:ext cx="4076911" cy="180341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u="sng" kern="1200" dirty="0" smtClean="0"/>
            <a:t>Research Stage</a:t>
          </a:r>
          <a:endParaRPr lang="he-IL" sz="1600" b="1" u="sng" kern="1200" dirty="0" smtClean="0"/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- </a:t>
          </a:r>
          <a:r>
            <a:rPr lang="en-US" sz="1600" b="0" u="none" kern="1200" dirty="0" smtClean="0"/>
            <a:t>Goal     -Financial system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u="none" kern="1200" dirty="0" smtClean="0"/>
            <a:t>-Strategic purpose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</a:t>
          </a:r>
          <a:r>
            <a:rPr lang="en-US" sz="1600" b="0" u="none" kern="1200" dirty="0" smtClean="0"/>
            <a:t>-Genealogy </a:t>
          </a:r>
          <a:r>
            <a:rPr lang="he-IL" sz="1600" b="0" u="none" kern="1200" dirty="0" smtClean="0"/>
            <a:t>– </a:t>
          </a:r>
          <a:r>
            <a:rPr lang="en-US" sz="1600" b="0" u="none" kern="1200" dirty="0" smtClean="0"/>
            <a:t>Interests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</a:t>
          </a:r>
          <a:r>
            <a:rPr lang="en-US" sz="1600" b="0" u="none" kern="1200" dirty="0" smtClean="0"/>
            <a:t>-Shift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u="none" kern="1200" dirty="0" smtClean="0"/>
            <a:t>-Threats -Potential</a:t>
          </a:r>
          <a:endParaRPr lang="he-IL" sz="1600" b="0" u="none" kern="1200" dirty="0" smtClean="0"/>
        </a:p>
      </dsp:txBody>
      <dsp:txXfrm>
        <a:off x="1657967" y="121792"/>
        <a:ext cx="4076911" cy="1803412"/>
      </dsp:txXfrm>
    </dsp:sp>
    <dsp:sp modelId="{FBCDF05E-3288-4AE5-9E25-03B36AF69926}">
      <dsp:nvSpPr>
        <dsp:cNvPr id="0" name=""/>
        <dsp:cNvSpPr/>
      </dsp:nvSpPr>
      <dsp:spPr>
        <a:xfrm>
          <a:off x="4824233" y="81647"/>
          <a:ext cx="3419485" cy="1897461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u="sng" kern="1200" dirty="0" smtClean="0"/>
            <a:t>Updated Exercise program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expected changes</a:t>
          </a:r>
          <a:endParaRPr lang="he-IL" sz="12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organization form</a:t>
          </a:r>
          <a:endParaRPr lang="he-IL" sz="12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organization system</a:t>
          </a:r>
          <a:r>
            <a:rPr lang="he-IL" sz="1200" b="0" u="none" kern="1200" dirty="0" smtClean="0"/>
            <a:t>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personal changes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Systemic organizational aspects</a:t>
          </a:r>
          <a:endParaRPr lang="en-US" sz="1200" b="0" u="none" kern="1200" dirty="0"/>
        </a:p>
      </dsp:txBody>
      <dsp:txXfrm>
        <a:off x="4824233" y="81647"/>
        <a:ext cx="3419485" cy="1897461"/>
      </dsp:txXfrm>
    </dsp:sp>
    <dsp:sp modelId="{DDB74CAC-6E26-45A0-9656-F23CDD57BC79}">
      <dsp:nvSpPr>
        <dsp:cNvPr id="0" name=""/>
        <dsp:cNvSpPr/>
      </dsp:nvSpPr>
      <dsp:spPr>
        <a:xfrm>
          <a:off x="7325437" y="32029"/>
          <a:ext cx="3079841" cy="200008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u="sng" kern="1200" dirty="0" smtClean="0"/>
            <a:t>Simulation stage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Implementation of the plan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Systemic </a:t>
          </a:r>
          <a:r>
            <a:rPr lang="en-US" sz="12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Exercise program updated</a:t>
          </a:r>
          <a:endParaRPr lang="he-IL" sz="1200" b="0" u="none" kern="1200" dirty="0" smtClean="0"/>
        </a:p>
      </dsp:txBody>
      <dsp:txXfrm>
        <a:off x="7325437" y="32029"/>
        <a:ext cx="3079841" cy="2000088"/>
      </dsp:txXfrm>
    </dsp:sp>
  </dsp:spTree>
</dsp:drawing>
</file>

<file path=ppt/diagrams/drawing2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0FFFBE4A-6652-4F87-8006-869213A758AC}">
      <dsp:nvSpPr>
        <dsp:cNvPr id="0" name=""/>
        <dsp:cNvSpPr/>
      </dsp:nvSpPr>
      <dsp:spPr>
        <a:xfrm>
          <a:off x="0" y="1175926"/>
          <a:ext cx="11602980" cy="783951"/>
        </a:xfrm>
        <a:prstGeom prst="notched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2313BE9-9F97-4575-B44A-1DA40AA15139}">
      <dsp:nvSpPr>
        <dsp:cNvPr id="0" name=""/>
        <dsp:cNvSpPr/>
      </dsp:nvSpPr>
      <dsp:spPr>
        <a:xfrm>
          <a:off x="313590" y="699386"/>
          <a:ext cx="184784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b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Intelligence course</a:t>
          </a:r>
          <a:endParaRPr lang="he-IL" sz="1600" kern="1200" dirty="0"/>
        </a:p>
      </dsp:txBody>
      <dsp:txXfrm>
        <a:off x="313590" y="699386"/>
        <a:ext cx="1847841" cy="783951"/>
      </dsp:txXfrm>
    </dsp:sp>
    <dsp:sp modelId="{A5A9C167-812C-4413-9DFC-7996CD81CB95}">
      <dsp:nvSpPr>
        <dsp:cNvPr id="0" name=""/>
        <dsp:cNvSpPr/>
      </dsp:nvSpPr>
      <dsp:spPr>
        <a:xfrm>
          <a:off x="1107241" y="1506912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C5DC4F4-70A6-4EF4-BE55-AB97F578926A}">
      <dsp:nvSpPr>
        <dsp:cNvPr id="0" name=""/>
        <dsp:cNvSpPr/>
      </dsp:nvSpPr>
      <dsp:spPr>
        <a:xfrm>
          <a:off x="2162021" y="993689"/>
          <a:ext cx="1522718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t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Middle East Course</a:t>
          </a:r>
          <a:endParaRPr lang="he-IL" sz="1600" kern="1200" dirty="0"/>
        </a:p>
      </dsp:txBody>
      <dsp:txXfrm>
        <a:off x="2162021" y="993689"/>
        <a:ext cx="1522718" cy="783951"/>
      </dsp:txXfrm>
    </dsp:sp>
    <dsp:sp modelId="{E9E74DD4-9D80-4F5B-B2E4-5C5A33F033CE}">
      <dsp:nvSpPr>
        <dsp:cNvPr id="0" name=""/>
        <dsp:cNvSpPr/>
      </dsp:nvSpPr>
      <dsp:spPr>
        <a:xfrm>
          <a:off x="2806595" y="152517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6C3BAC-782A-4C7E-A921-D5569BA65DD9}">
      <dsp:nvSpPr>
        <dsp:cNvPr id="0" name=""/>
        <dsp:cNvSpPr/>
      </dsp:nvSpPr>
      <dsp:spPr>
        <a:xfrm>
          <a:off x="3677899" y="854718"/>
          <a:ext cx="1607496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b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Visit Ministry of Education </a:t>
          </a:r>
          <a:endParaRPr lang="he-IL" sz="1600" kern="1200" dirty="0"/>
        </a:p>
      </dsp:txBody>
      <dsp:txXfrm>
        <a:off x="3677899" y="854718"/>
        <a:ext cx="1607496" cy="783951"/>
      </dsp:txXfrm>
    </dsp:sp>
    <dsp:sp modelId="{682FE366-C000-41C9-9EEB-B1F529CAD5C3}">
      <dsp:nvSpPr>
        <dsp:cNvPr id="0" name=""/>
        <dsp:cNvSpPr/>
      </dsp:nvSpPr>
      <dsp:spPr>
        <a:xfrm>
          <a:off x="4340242" y="1483339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0BF636-56C2-4D74-9CC3-B9E90F49E574}">
      <dsp:nvSpPr>
        <dsp:cNvPr id="0" name=""/>
        <dsp:cNvSpPr/>
      </dsp:nvSpPr>
      <dsp:spPr>
        <a:xfrm>
          <a:off x="5904423" y="1000439"/>
          <a:ext cx="1873549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Negotiation   </a:t>
          </a:r>
          <a:r>
            <a:rPr lang="en-US" sz="1600" kern="1200" dirty="0" smtClean="0"/>
            <a:t>Workshop</a:t>
          </a:r>
          <a:r>
            <a:rPr lang="en-US" sz="1800" kern="1200" dirty="0" smtClean="0"/>
            <a:t> 1-3/3</a:t>
          </a:r>
          <a:endParaRPr lang="he-IL" sz="1800" kern="1200" dirty="0" smtClean="0"/>
        </a:p>
      </dsp:txBody>
      <dsp:txXfrm>
        <a:off x="5904423" y="1000439"/>
        <a:ext cx="1873549" cy="783951"/>
      </dsp:txXfrm>
    </dsp:sp>
    <dsp:sp modelId="{E76B3D1B-AAFE-465C-BFA5-BBBE20E5BFFB}">
      <dsp:nvSpPr>
        <dsp:cNvPr id="0" name=""/>
        <dsp:cNvSpPr/>
      </dsp:nvSpPr>
      <dsp:spPr>
        <a:xfrm>
          <a:off x="6998033" y="1505445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37C98D-5B85-420A-97A8-DC2EF16E949F}">
      <dsp:nvSpPr>
        <dsp:cNvPr id="0" name=""/>
        <dsp:cNvSpPr/>
      </dsp:nvSpPr>
      <dsp:spPr>
        <a:xfrm>
          <a:off x="7067509" y="0"/>
          <a:ext cx="1072057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99136" rIns="199136" bIns="199136" numCol="1" spcCol="1270" anchor="b" anchorCtr="0">
          <a:noAutofit/>
        </a:bodyPr>
        <a:lstStyle/>
        <a:p>
          <a:pPr lvl="0" algn="ctr" defTabSz="12446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2800" kern="1200" dirty="0"/>
        </a:p>
      </dsp:txBody>
      <dsp:txXfrm>
        <a:off x="7067509" y="0"/>
        <a:ext cx="1072057" cy="783951"/>
      </dsp:txXfrm>
    </dsp:sp>
    <dsp:sp modelId="{8D195FBB-886B-4612-B0C9-361404C1B53C}">
      <dsp:nvSpPr>
        <dsp:cNvPr id="0" name=""/>
        <dsp:cNvSpPr/>
      </dsp:nvSpPr>
      <dsp:spPr>
        <a:xfrm>
          <a:off x="8576729" y="148333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145D61-B26B-4023-AF13-09127DC233B7}">
      <dsp:nvSpPr>
        <dsp:cNvPr id="0" name=""/>
        <dsp:cNvSpPr/>
      </dsp:nvSpPr>
      <dsp:spPr>
        <a:xfrm>
          <a:off x="7902288" y="1041745"/>
          <a:ext cx="2248018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t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National Security Staff Rides</a:t>
          </a:r>
          <a:endParaRPr lang="he-IL" sz="1600" kern="1200" dirty="0"/>
        </a:p>
      </dsp:txBody>
      <dsp:txXfrm>
        <a:off x="7902288" y="1041745"/>
        <a:ext cx="2248018" cy="783951"/>
      </dsp:txXfrm>
    </dsp:sp>
    <dsp:sp modelId="{46B6076A-8910-47D7-AF53-BCF019F092C5}">
      <dsp:nvSpPr>
        <dsp:cNvPr id="0" name=""/>
        <dsp:cNvSpPr/>
      </dsp:nvSpPr>
      <dsp:spPr>
        <a:xfrm>
          <a:off x="9346683" y="148333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98508934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423385610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2506530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2956431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9830725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17722275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23999210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16353161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1510524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6490613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38215386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4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diagramQuickStyle" Target="../diagrams/quickStyle1.xml"/><Relationship Id="rId7" Type="http://schemas.openxmlformats.org/officeDocument/2006/relationships/tags" Target="../tags/tag7.xml"/><Relationship Id="rId71" Type="http://schemas.openxmlformats.org/officeDocument/2006/relationships/diagramData" Target="../diagrams/data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diagramData" Target="../diagrams/data1.xml"/><Relationship Id="rId74" Type="http://schemas.openxmlformats.org/officeDocument/2006/relationships/diagramColors" Target="../diagrams/colors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7.xml"/><Relationship Id="rId73" Type="http://schemas.openxmlformats.org/officeDocument/2006/relationships/diagramQuickStyle" Target="../diagrams/quickStyle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diagramColors" Target="../diagrams/colors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diagramLayout" Target="../diagrams/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diagramLayout" Target="../diagrams/layout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microsoft.com/office/2007/relationships/diagramDrawing" Target="../diagrams/drawing1.xml"/><Relationship Id="rId75" Type="http://schemas.microsoft.com/office/2007/relationships/diagramDrawing" Target="../diagrams/drawing2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795356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="" xmlns:p14="http://schemas.microsoft.com/office/powerpoint/2010/main" val="787666232"/>
              </p:ext>
            </p:extLst>
          </p:nvPr>
        </p:nvGraphicFramePr>
        <p:xfrm>
          <a:off x="-197016" y="3502673"/>
          <a:ext cx="12449346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6" r:lo="rId67" r:qs="rId68" r:cs="rId69"/>
          </a:graphicData>
        </a:graphic>
      </p:graphicFrame>
      <p:sp>
        <p:nvSpPr>
          <p:cNvPr id="417" name="TextBox 416"/>
          <p:cNvSpPr txBox="1"/>
          <p:nvPr/>
        </p:nvSpPr>
        <p:spPr>
          <a:xfrm>
            <a:off x="6483881" y="1422308"/>
            <a:ext cx="942887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tart work in</a:t>
            </a:r>
          </a:p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“</a:t>
            </a:r>
            <a:r>
              <a:rPr lang="en-US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Kavernt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”</a:t>
            </a:r>
            <a:endParaRPr lang="he-IL" sz="1100" b="1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6954383" y="1853195"/>
            <a:ext cx="942" cy="12402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Begin process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 system of systems</a:t>
            </a:r>
            <a:endParaRPr lang="he-IL" sz="1100" b="1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time frame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19" y="2458450"/>
            <a:ext cx="114171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-26/1/2016</a:t>
            </a:r>
            <a:endParaRPr lang="en-US" sz="1400" b="1" spc="-8" dirty="0">
              <a:solidFill>
                <a:srgbClr val="1F497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987544" y="193151"/>
            <a:ext cx="843757" cy="9984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the first scenario (specific connection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188711" y="2008750"/>
            <a:ext cx="108068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</a:t>
            </a:r>
            <a:r>
              <a:rPr lang="en-US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-</a:t>
            </a:r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5/2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6962" y="233000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396053" y="651874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political-military campaign in scenario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452029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795356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dirty="0" err="1" smtClean="0">
                <a:solidFill>
                  <a:srgbClr val="FF0000"/>
                </a:solidFill>
                <a:latin typeface="Calibri" panose="020F0502020204030204" pitchFamily="34" charset="0"/>
              </a:rPr>
              <a:t>Simulationa</a:t>
            </a:r>
            <a:r>
              <a:rPr lang="en-US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 Act 1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"Reframing“ Week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-2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Simulation Act 2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-28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Research and Summary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23652" y="251357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duce Product Summary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/4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2144830"/>
            <a:ext cx="1384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how learning process is built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3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סוגר זוויתי 445"/>
          <p:cNvSpPr/>
          <p:nvPr/>
        </p:nvSpPr>
        <p:spPr>
          <a:xfrm>
            <a:off x="9398898" y="3739459"/>
            <a:ext cx="2542516" cy="1581589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en-US" sz="1600" b="1" u="sng" dirty="0" smtClean="0"/>
              <a:t>Research stage </a:t>
            </a:r>
            <a:endParaRPr lang="he-IL" sz="1600" b="1" u="sng" dirty="0" smtClean="0"/>
          </a:p>
          <a:p>
            <a:pPr lvl="0" algn="ctr"/>
            <a:r>
              <a:rPr lang="en-US" sz="12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Research Format</a:t>
            </a:r>
          </a:p>
          <a:p>
            <a:pPr lvl="0" algn="ctr"/>
            <a:r>
              <a:rPr lang="en-US" sz="12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Group and individual summary</a:t>
            </a:r>
            <a:endParaRPr lang="he-IL" sz="1200" b="1" u="sng" dirty="0" smtClean="0"/>
          </a:p>
        </p:txBody>
      </p:sp>
      <p:grpSp>
        <p:nvGrpSpPr>
          <p:cNvPr id="66" name="קבוצה 65"/>
          <p:cNvGrpSpPr/>
          <p:nvPr/>
        </p:nvGrpSpPr>
        <p:grpSpPr>
          <a:xfrm>
            <a:off x="-74705" y="3921375"/>
            <a:ext cx="2487611" cy="1345992"/>
            <a:chOff x="-2391298" y="1007104"/>
            <a:chExt cx="3144388" cy="1413736"/>
          </a:xfrm>
        </p:grpSpPr>
        <p:sp>
          <p:nvSpPr>
            <p:cNvPr id="67" name="סוגר זוויתי 66"/>
            <p:cNvSpPr/>
            <p:nvPr/>
          </p:nvSpPr>
          <p:spPr>
            <a:xfrm>
              <a:off x="-2391298" y="1007104"/>
              <a:ext cx="3144388" cy="1251583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1539654" y="1169256"/>
              <a:ext cx="1935388" cy="125158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600" b="1" u="sng" kern="1200" dirty="0" smtClean="0"/>
                <a:t>Constructing Learning </a:t>
              </a:r>
              <a:r>
                <a:rPr lang="en-US" sz="1600" b="1" u="sng" kern="1200" dirty="0" err="1" smtClean="0"/>
                <a:t>Statge</a:t>
              </a:r>
              <a:endParaRPr lang="he-IL" sz="1600" b="1" u="sng" kern="1200" dirty="0" smtClean="0"/>
            </a:p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 smtClean="0"/>
                <a:t>Organize and plan </a:t>
              </a:r>
              <a:r>
                <a:rPr lang="en-US" sz="1400" kern="1200" dirty="0" smtClean="0"/>
                <a:t>calendar</a:t>
              </a:r>
              <a:endParaRPr lang="en-US" sz="1400" kern="1200" dirty="0"/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6943728" y="190365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TextBox 72"/>
          <p:cNvSpPr txBox="1"/>
          <p:nvPr/>
        </p:nvSpPr>
        <p:spPr>
          <a:xfrm>
            <a:off x="-36348" y="4243754"/>
            <a:ext cx="833518" cy="830997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Stages of the process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5" name="דיאגרמה 4"/>
          <p:cNvGraphicFramePr/>
          <p:nvPr>
            <p:extLst>
              <p:ext uri="{D42A27DB-BD31-4B8C-83A1-F6EECF244321}">
                <p14:modId xmlns="" xmlns:p14="http://schemas.microsoft.com/office/powerpoint/2010/main" val="925959631"/>
              </p:ext>
            </p:extLst>
          </p:nvPr>
        </p:nvGraphicFramePr>
        <p:xfrm>
          <a:off x="561190" y="5032305"/>
          <a:ext cx="11602980" cy="19598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1" r:lo="rId72" r:qs="rId73" r:cs="rId74"/>
          </a:graphicData>
        </a:graphic>
      </p:graphicFrame>
      <p:sp>
        <p:nvSpPr>
          <p:cNvPr id="75" name="TextBox 74"/>
          <p:cNvSpPr txBox="1"/>
          <p:nvPr/>
        </p:nvSpPr>
        <p:spPr>
          <a:xfrm>
            <a:off x="0" y="6260123"/>
            <a:ext cx="1277815" cy="584775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erformance</a:t>
            </a:r>
            <a:r>
              <a:rPr kumimoji="0" lang="en-US" sz="16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upport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76" name="OTLSHAPE_M_7e4083913e934642a3382a090fdc1f83_Connector1"/>
          <p:cNvCxnSpPr/>
          <p:nvPr>
            <p:custDataLst>
              <p:tags r:id="rId57"/>
            </p:custDataLst>
          </p:nvPr>
        </p:nvCxnSpPr>
        <p:spPr>
          <a:xfrm>
            <a:off x="6320499" y="1260433"/>
            <a:ext cx="21499" cy="177871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M_7e4083913e934642a3382a090fdc1f83_Shape"/>
          <p:cNvSpPr/>
          <p:nvPr>
            <p:custDataLst>
              <p:tags r:id="rId58"/>
            </p:custDataLst>
          </p:nvPr>
        </p:nvSpPr>
        <p:spPr>
          <a:xfrm rot="16200000">
            <a:off x="6319367" y="123372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7e4083913e934642a3382a090fdc1f83_Title"/>
          <p:cNvSpPr txBox="1"/>
          <p:nvPr>
            <p:custDataLst>
              <p:tags r:id="rId59"/>
            </p:custDataLst>
          </p:nvPr>
        </p:nvSpPr>
        <p:spPr>
          <a:xfrm>
            <a:off x="5272000" y="1196025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established strategy (time frame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0" name="OTLSHAPE_M_7e4083913e934642a3382a090fdc1f83_Connector1"/>
          <p:cNvCxnSpPr/>
          <p:nvPr>
            <p:custDataLst>
              <p:tags r:id="rId60"/>
            </p:custDataLst>
          </p:nvPr>
        </p:nvCxnSpPr>
        <p:spPr>
          <a:xfrm flipH="1">
            <a:off x="8296655" y="651874"/>
            <a:ext cx="14652" cy="2344251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7e4083913e934642a3382a090fdc1f83_Shape"/>
          <p:cNvSpPr/>
          <p:nvPr>
            <p:custDataLst>
              <p:tags r:id="rId61"/>
            </p:custDataLst>
          </p:nvPr>
        </p:nvSpPr>
        <p:spPr>
          <a:xfrm rot="16200000">
            <a:off x="8306859" y="65093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7e4083913e934642a3382a090fdc1f83_Title"/>
          <p:cNvSpPr txBox="1"/>
          <p:nvPr>
            <p:custDataLst>
              <p:tags r:id="rId62"/>
            </p:custDataLst>
          </p:nvPr>
        </p:nvSpPr>
        <p:spPr>
          <a:xfrm>
            <a:off x="7963517" y="48291"/>
            <a:ext cx="767860" cy="697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cenario Update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4c2577eaa5f8482d87d15801575af368_Title"/>
          <p:cNvSpPr txBox="1"/>
          <p:nvPr>
            <p:custDataLst>
              <p:tags r:id="rId63"/>
            </p:custDataLst>
          </p:nvPr>
        </p:nvSpPr>
        <p:spPr>
          <a:xfrm>
            <a:off x="11485526" y="865548"/>
            <a:ext cx="590551" cy="8238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ubmit Personal learning Form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M_7e4083913e934642a3382a090fdc1f83_Shape"/>
          <p:cNvSpPr/>
          <p:nvPr>
            <p:custDataLst>
              <p:tags r:id="rId64"/>
            </p:custDataLst>
          </p:nvPr>
        </p:nvSpPr>
        <p:spPr>
          <a:xfrm rot="16200000">
            <a:off x="11776314" y="172098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מחבר ישר 8"/>
          <p:cNvCxnSpPr>
            <a:stCxn id="85" idx="0"/>
          </p:cNvCxnSpPr>
          <p:nvPr/>
        </p:nvCxnSpPr>
        <p:spPr>
          <a:xfrm>
            <a:off x="11776314" y="1803538"/>
            <a:ext cx="4487" cy="124446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חץ ימינה מחורץ 87"/>
          <p:cNvSpPr/>
          <p:nvPr/>
        </p:nvSpPr>
        <p:spPr>
          <a:xfrm>
            <a:off x="861909" y="5469231"/>
            <a:ext cx="11602980" cy="783951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89" name="TextBox 88"/>
          <p:cNvSpPr txBox="1"/>
          <p:nvPr/>
        </p:nvSpPr>
        <p:spPr>
          <a:xfrm>
            <a:off x="7061" y="5638800"/>
            <a:ext cx="965954" cy="338554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roducts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אליפסה 89"/>
          <p:cNvSpPr/>
          <p:nvPr/>
        </p:nvSpPr>
        <p:spPr>
          <a:xfrm>
            <a:off x="5520990" y="5716319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4408650" y="5609435"/>
            <a:ext cx="113045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Strategy</a:t>
            </a:r>
            <a:endParaRPr lang="en-US" sz="1400" dirty="0"/>
          </a:p>
        </p:txBody>
      </p:sp>
      <p:sp>
        <p:nvSpPr>
          <p:cNvPr id="92" name="אליפסה 91"/>
          <p:cNvSpPr/>
          <p:nvPr/>
        </p:nvSpPr>
        <p:spPr>
          <a:xfrm>
            <a:off x="7773219" y="5716319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3" name="אליפסה 92"/>
          <p:cNvSpPr/>
          <p:nvPr/>
        </p:nvSpPr>
        <p:spPr>
          <a:xfrm>
            <a:off x="10270420" y="5696723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4" name="אליפסה 93"/>
          <p:cNvSpPr/>
          <p:nvPr/>
        </p:nvSpPr>
        <p:spPr>
          <a:xfrm>
            <a:off x="11580327" y="5696723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5" name="TextBox 94"/>
          <p:cNvSpPr txBox="1"/>
          <p:nvPr/>
        </p:nvSpPr>
        <p:spPr>
          <a:xfrm>
            <a:off x="6708646" y="5610050"/>
            <a:ext cx="113045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Campaign</a:t>
            </a:r>
            <a:endParaRPr lang="en-US" sz="1400" dirty="0"/>
          </a:p>
        </p:txBody>
      </p:sp>
      <p:sp>
        <p:nvSpPr>
          <p:cNvPr id="96" name="TextBox 95"/>
          <p:cNvSpPr txBox="1"/>
          <p:nvPr/>
        </p:nvSpPr>
        <p:spPr>
          <a:xfrm>
            <a:off x="8834386" y="5613201"/>
            <a:ext cx="147022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Group summary</a:t>
            </a:r>
            <a:endParaRPr lang="en-US" sz="1400" dirty="0"/>
          </a:p>
        </p:txBody>
      </p:sp>
      <p:sp>
        <p:nvSpPr>
          <p:cNvPr id="97" name="TextBox 96"/>
          <p:cNvSpPr txBox="1"/>
          <p:nvPr/>
        </p:nvSpPr>
        <p:spPr>
          <a:xfrm>
            <a:off x="10446328" y="5595379"/>
            <a:ext cx="12023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Personal Summary</a:t>
            </a:r>
            <a:endParaRPr lang="en-US" sz="1400" dirty="0"/>
          </a:p>
        </p:txBody>
      </p:sp>
      <p:sp>
        <p:nvSpPr>
          <p:cNvPr id="11" name="TextBox 10"/>
          <p:cNvSpPr txBox="1"/>
          <p:nvPr/>
        </p:nvSpPr>
        <p:spPr>
          <a:xfrm>
            <a:off x="5481434" y="5633070"/>
            <a:ext cx="314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א</a:t>
            </a:r>
            <a:endParaRPr lang="en-US" dirty="0"/>
          </a:p>
        </p:txBody>
      </p:sp>
      <p:sp>
        <p:nvSpPr>
          <p:cNvPr id="99" name="TextBox 98"/>
          <p:cNvSpPr txBox="1"/>
          <p:nvPr/>
        </p:nvSpPr>
        <p:spPr>
          <a:xfrm>
            <a:off x="11521065" y="5590344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ד</a:t>
            </a:r>
            <a:endParaRPr lang="en-US" dirty="0"/>
          </a:p>
        </p:txBody>
      </p:sp>
      <p:sp>
        <p:nvSpPr>
          <p:cNvPr id="100" name="TextBox 99"/>
          <p:cNvSpPr txBox="1"/>
          <p:nvPr/>
        </p:nvSpPr>
        <p:spPr>
          <a:xfrm>
            <a:off x="10246952" y="5609435"/>
            <a:ext cx="2760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ג</a:t>
            </a:r>
            <a:endParaRPr lang="en-US" dirty="0"/>
          </a:p>
        </p:txBody>
      </p:sp>
      <p:sp>
        <p:nvSpPr>
          <p:cNvPr id="101" name="TextBox 100"/>
          <p:cNvSpPr txBox="1"/>
          <p:nvPr/>
        </p:nvSpPr>
        <p:spPr>
          <a:xfrm>
            <a:off x="7735772" y="5625226"/>
            <a:ext cx="314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ב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70</TotalTime>
  <Words>187</Words>
  <Application>Microsoft Office PowerPoint</Application>
  <PresentationFormat>מותאם אישית</PresentationFormat>
  <Paragraphs>74</Paragraphs>
  <Slides>1</Slides>
  <Notes>0</Notes>
  <HiddenSlides>0</HiddenSlides>
  <MMClips>0</MMClips>
  <ScaleCrop>false</ScaleCrop>
  <HeadingPairs>
    <vt:vector size="4" baseType="variant">
      <vt:variant>
        <vt:lpstr>ערכת נושא</vt:lpstr>
      </vt:variant>
      <vt:variant>
        <vt:i4>1</vt:i4>
      </vt:variant>
      <vt:variant>
        <vt:lpstr>כותרות שקופיות</vt:lpstr>
      </vt:variant>
      <vt:variant>
        <vt:i4>1</vt:i4>
      </vt:variant>
    </vt:vector>
  </HeadingPairs>
  <TitlesOfParts>
    <vt:vector size="2" baseType="lpstr">
      <vt:lpstr>1_ערכת נושא Office</vt:lpstr>
      <vt:lpstr>שקופית 1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IDF</cp:lastModifiedBy>
  <cp:revision>107</cp:revision>
  <dcterms:created xsi:type="dcterms:W3CDTF">2015-12-01T06:13:25Z</dcterms:created>
  <dcterms:modified xsi:type="dcterms:W3CDTF">2015-12-14T12:24:59Z</dcterms:modified>
</cp:coreProperties>
</file>